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10"/>
    <p:sldMasterId id="2147483933" r:id="rId11"/>
  </p:sldMasterIdLst>
  <p:notesMasterIdLst>
    <p:notesMasterId r:id="rId17"/>
  </p:notesMasterIdLst>
  <p:handoutMasterIdLst>
    <p:handoutMasterId r:id="rId18"/>
  </p:handoutMasterIdLst>
  <p:sldIdLst>
    <p:sldId id="256" r:id="rId12"/>
    <p:sldId id="262" r:id="rId13"/>
    <p:sldId id="263" r:id="rId14"/>
    <p:sldId id="264" r:id="rId15"/>
    <p:sldId id="265" r:id="rId16"/>
  </p:sldIdLst>
  <p:sldSz cx="12192000" cy="6858000"/>
  <p:notesSz cx="6858000" cy="9144000"/>
  <p:custDataLst>
    <p:tags r:id="rId19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F6F8D5A-18BD-4F88-935C-550C4F58C63D}" v="5" dt="2022-07-22T16:11:49.21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660"/>
  </p:normalViewPr>
  <p:slideViewPr>
    <p:cSldViewPr snapToGrid="0" showGuides="1">
      <p:cViewPr varScale="1">
        <p:scale>
          <a:sx n="114" d="100"/>
          <a:sy n="114" d="100"/>
        </p:scale>
        <p:origin x="204" y="10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2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tableStyles" Target="tableStyles.xml"/><Relationship Id="rId10" Type="http://schemas.openxmlformats.org/officeDocument/2006/relationships/slideMaster" Target="slideMasters/slideMaster1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7/2022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7/2022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07138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4031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3" r:id="rId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None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image" Target="../media/image18.png"/><Relationship Id="rId4" Type="http://schemas.openxmlformats.org/officeDocument/2006/relationships/hyperlink" Target="file:///C:\Users\Duncan.Law\OneDrive%20-%20Arup\calibration.py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hyperlink" Target="file:///C:\Users\Duncan.Law\OneDrive%20-%20Arup\strain_test1.py" TargetMode="External"/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hyperlink" Target="file:///C:\Users\Duncan.Law\OneDrive%20-%20Arup\strain_test2.py" TargetMode="External"/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hyperlink" Target="file:///C:\Users\Duncan.Law\OneDrive%20-%20Arup\strain_test3.py" TargetMode="External"/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8D80360-5E8F-49E2-863D-43A3D7FC28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Modelling Creep in Python</a:t>
            </a:r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523B70E0-20E0-4FC7-AEAB-2E7A4D3BACE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Comparing numerically-generated models with FIB code 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469CE000-D252-4720-B687-D48D7839797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GB" dirty="0"/>
              <a:t>Duncan Law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8F92EAF-25B4-46B2-9A3C-085A834B134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GB" dirty="0"/>
              <a:t>22 July 20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2116239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38B6DF-1260-4E50-9013-ED518D561B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alibra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F5070C2-08A9-4526-8E34-37E98E508BF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>
                <a:hlinkClick r:id="rId4" action="ppaction://hlinkfile"/>
              </a:rPr>
              <a:t>calibration.py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73A8735-04D7-4298-829B-79E4F6407E1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GB" dirty="0"/>
              <a:t>This is for: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GB" dirty="0"/>
              <a:t>Loading age of 40 days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GB" dirty="0"/>
              <a:t>60 observation times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GB" dirty="0"/>
              <a:t>9 retardation times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832F804-C043-61E0-19D2-8A841BB8E13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69536" y="1811337"/>
            <a:ext cx="6963651" cy="472662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4371079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0EFA04-FC85-D943-56EE-065C4EDF85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ingle unit step load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CE4B06FD-AE0E-49FE-A7DF-52F25EA9D01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>
                <a:hlinkClick r:id="rId2" action="ppaction://hlinkfile"/>
              </a:rPr>
              <a:t>strain_test1.py</a:t>
            </a:r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E8B2725-1220-78C9-C0E4-E13B9EF2AC1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385269" y="2713435"/>
            <a:ext cx="7200000" cy="3600000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3F23CD1-BB31-311B-C983-F0D5CD7641C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GB" sz="1800" dirty="0"/>
              <a:t>For a 400-day testing cycle with 1000 observation times, when a unit step load applied at the 40</a:t>
            </a:r>
            <a:r>
              <a:rPr lang="en-GB" sz="1800" baseline="30000" dirty="0"/>
              <a:t>th</a:t>
            </a:r>
            <a:r>
              <a:rPr lang="en-GB" sz="1800" dirty="0"/>
              <a:t> day, the numerical output matches very strongly to the FIB code, with the error mostly lying near the time of force application.</a:t>
            </a:r>
          </a:p>
        </p:txBody>
      </p:sp>
    </p:spTree>
    <p:extLst>
      <p:ext uri="{BB962C8B-B14F-4D97-AF65-F5344CB8AC3E}">
        <p14:creationId xmlns:p14="http://schemas.microsoft.com/office/powerpoint/2010/main" val="104841185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30D603-7EAA-CF9F-54B4-6F78ED29380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wo unit step loads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9F471FD-507A-862E-EAFD-5D38ADE9159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>
                <a:hlinkClick r:id="rId2" action="ppaction://hlinkfile"/>
              </a:rPr>
              <a:t>strain_test2.py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B2C0A5B-9350-5CB6-C863-1CE469781FA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GB" sz="1800" dirty="0"/>
              <a:t>The same test cycle but now another unit step load applied at the 150</a:t>
            </a:r>
            <a:r>
              <a:rPr lang="en-GB" sz="1800" baseline="30000" dirty="0"/>
              <a:t>th</a:t>
            </a:r>
            <a:r>
              <a:rPr lang="en-GB" sz="1800" dirty="0"/>
              <a:t> day. The asymptotes look to match well. The biggest discrepancy is near the instant where the second unit load is applied (day 150) – this could be due to the fact that the timesteps of the numerical method being a lot smaller. 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549E1E-F390-5BD4-7F13-6FBFC1EA921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670568" y="3044023"/>
            <a:ext cx="6850863" cy="36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835372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30D603-7EAA-CF9F-54B4-6F78ED29380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ree unit steps – 2 loads and 1 unload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9F471FD-507A-862E-EAFD-5D38ADE9159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>
                <a:hlinkClick r:id="rId2" action="ppaction://hlinkfile"/>
              </a:rPr>
              <a:t>strain_test3.py</a:t>
            </a:r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B2C0A5B-9350-5CB6-C863-1CE469781FA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GB" sz="1800" dirty="0"/>
              <a:t>The same test cycle but now a new unit step unload applied at the 275</a:t>
            </a:r>
            <a:r>
              <a:rPr lang="en-GB" sz="1800" baseline="30000" dirty="0"/>
              <a:t>th</a:t>
            </a:r>
            <a:r>
              <a:rPr lang="en-GB" sz="1800" dirty="0"/>
              <a:t> day. The same thing at the transition points occur.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38A08A9-03C4-12DE-76A4-C2B461540EF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496000" y="2644777"/>
            <a:ext cx="7200000" cy="37793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152042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5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4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Arup Blank","templateDescription":"","enableDocumentContentUpdater":false,"version":"2.0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895971891647405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E803A3F-64DB-469E-A52C-A9461D2C1E41}">
  <ds:schemaRefs/>
</ds:datastoreItem>
</file>

<file path=customXml/itemProps2.xml><?xml version="1.0" encoding="utf-8"?>
<ds:datastoreItem xmlns:ds="http://schemas.openxmlformats.org/officeDocument/2006/customXml" ds:itemID="{B38A1309-93A8-4147-848C-9DBE227067B1}">
  <ds:schemaRefs/>
</ds:datastoreItem>
</file>

<file path=customXml/itemProps3.xml><?xml version="1.0" encoding="utf-8"?>
<ds:datastoreItem xmlns:ds="http://schemas.openxmlformats.org/officeDocument/2006/customXml" ds:itemID="{85C9654A-CB65-48CF-ADF0-1162351C4C97}">
  <ds:schemaRefs/>
</ds:datastoreItem>
</file>

<file path=customXml/itemProps4.xml><?xml version="1.0" encoding="utf-8"?>
<ds:datastoreItem xmlns:ds="http://schemas.openxmlformats.org/officeDocument/2006/customXml" ds:itemID="{F5A6AC88-5A03-4CBC-B83F-8A83D57514C4}">
  <ds:schemaRefs/>
</ds:datastoreItem>
</file>

<file path=customXml/itemProps5.xml><?xml version="1.0" encoding="utf-8"?>
<ds:datastoreItem xmlns:ds="http://schemas.openxmlformats.org/officeDocument/2006/customXml" ds:itemID="{CBB68CCC-1B51-492A-84E3-3500C75307DB}">
  <ds:schemaRefs/>
</ds:datastoreItem>
</file>

<file path=customXml/itemProps6.xml><?xml version="1.0" encoding="utf-8"?>
<ds:datastoreItem xmlns:ds="http://schemas.openxmlformats.org/officeDocument/2006/customXml" ds:itemID="{B351DCC6-C148-4C81-8758-90C2C2CDC51C}">
  <ds:schemaRefs/>
</ds:datastoreItem>
</file>

<file path=customXml/itemProps7.xml><?xml version="1.0" encoding="utf-8"?>
<ds:datastoreItem xmlns:ds="http://schemas.openxmlformats.org/officeDocument/2006/customXml" ds:itemID="{C87C8382-8249-4949-BF28-7DB601052577}">
  <ds:schemaRefs/>
</ds:datastoreItem>
</file>

<file path=customXml/itemProps8.xml><?xml version="1.0" encoding="utf-8"?>
<ds:datastoreItem xmlns:ds="http://schemas.openxmlformats.org/officeDocument/2006/customXml" ds:itemID="{86D4A0FB-6668-4389-96E8-B955FCE4B5AE}">
  <ds:schemaRefs/>
</ds:datastoreItem>
</file>

<file path=customXml/itemProps9.xml><?xml version="1.0" encoding="utf-8"?>
<ds:datastoreItem xmlns:ds="http://schemas.openxmlformats.org/officeDocument/2006/customXml" ds:itemID="{58D80CE7-E318-410F-9B3B-E85CA3A576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97</Words>
  <Application>Microsoft Office PowerPoint</Application>
  <PresentationFormat>Widescreen</PresentationFormat>
  <Paragraphs>19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rial</vt:lpstr>
      <vt:lpstr>Times New Roman</vt:lpstr>
      <vt:lpstr>Arup</vt:lpstr>
      <vt:lpstr>Blank</vt:lpstr>
      <vt:lpstr>Modelling Creep in Python</vt:lpstr>
      <vt:lpstr>Calibration</vt:lpstr>
      <vt:lpstr>Single unit step load</vt:lpstr>
      <vt:lpstr>Two unit step loads</vt:lpstr>
      <vt:lpstr>Three unit steps – 2 loads and 1 unload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7-22T12:27:57Z</dcterms:created>
  <dcterms:modified xsi:type="dcterms:W3CDTF">2022-07-22T16:12:2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2-05-31T12:33:09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895971889591648</vt:lpwstr>
  </property>
  <property fmtid="{D5CDD505-2E9C-101B-9397-08002B2CF9AE}" pid="13" name="TemplafyUserProfileId">
    <vt:lpwstr>637939873193271898</vt:lpwstr>
  </property>
  <property fmtid="{D5CDD505-2E9C-101B-9397-08002B2CF9AE}" pid="14" name="TemplafyLanguageCode">
    <vt:lpwstr>en-GB</vt:lpwstr>
  </property>
  <property fmtid="{D5CDD505-2E9C-101B-9397-08002B2CF9AE}" pid="15" name="TemplafyFromBlank">
    <vt:bool>true</vt:bool>
  </property>
</Properties>
</file>